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0415A77F-06A9-4497-A92F-105FA346E14E}" xr6:coauthVersionLast="47" xr6:coauthVersionMax="47" xr10:uidLastSave="{00000000-0000-0000-0000-000000000000}"/>
  <bookViews>
    <workbookView xWindow="-28920" yWindow="-1935" windowWidth="29040" windowHeight="15720" xr2:uid="{4930F170-DEFF-4142-A405-96C16ACFBA52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  <sheet name="基金明細" sheetId="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7">基金明細!$A$1:$O$12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1" i="9" l="1"/>
  <c r="L11" i="9"/>
  <c r="K11" i="9"/>
  <c r="J11" i="9"/>
  <c r="I11" i="9"/>
  <c r="N10" i="9"/>
  <c r="N11" i="9"/>
  <c r="L19" i="6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36" uniqueCount="24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生活衛生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生活衛生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</t>
    <phoneticPr fontId="8"/>
  </si>
  <si>
    <t>生活衛生事業</t>
    <rPh sb="0" eb="4">
      <t>セイカツ</t>
    </rPh>
    <rPh sb="4" eb="6">
      <t>ジギョウ</t>
    </rPh>
    <phoneticPr fontId="7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2"/>
  </si>
  <si>
    <t>（単位：円）</t>
    <rPh sb="4" eb="5">
      <t>エン</t>
    </rPh>
    <phoneticPr fontId="7"/>
  </si>
  <si>
    <t>種類</t>
    <rPh sb="0" eb="2">
      <t>シュルイ</t>
    </rPh>
    <phoneticPr fontId="2"/>
  </si>
  <si>
    <t>現金預金</t>
    <rPh sb="0" eb="2">
      <t>ゲンキン</t>
    </rPh>
    <rPh sb="2" eb="4">
      <t>ヨキン</t>
    </rPh>
    <phoneticPr fontId="7"/>
  </si>
  <si>
    <t>有価証券</t>
    <rPh sb="0" eb="2">
      <t>ユウカ</t>
    </rPh>
    <rPh sb="2" eb="4">
      <t>ショウケン</t>
    </rPh>
    <phoneticPr fontId="2"/>
  </si>
  <si>
    <t>土地</t>
    <rPh sb="0" eb="2">
      <t>トチ</t>
    </rPh>
    <phoneticPr fontId="2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2"/>
  </si>
  <si>
    <t>大阪市動物愛護管理施策推進基金</t>
    <phoneticPr fontId="7"/>
  </si>
  <si>
    <t>合　　　　計</t>
    <rPh sb="0" eb="1">
      <t>ア</t>
    </rPh>
    <rPh sb="5" eb="6">
      <t>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7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  <xf numFmtId="0" fontId="19" fillId="0" borderId="13" xfId="2" applyFont="1" applyBorder="1">
      <alignment vertical="center"/>
    </xf>
    <xf numFmtId="0" fontId="19" fillId="0" borderId="14" xfId="2" applyFont="1" applyBorder="1">
      <alignment vertical="center"/>
    </xf>
    <xf numFmtId="0" fontId="19" fillId="0" borderId="15" xfId="2" applyFont="1" applyBorder="1">
      <alignment vertical="center"/>
    </xf>
  </cellXfs>
  <cellStyles count="8">
    <cellStyle name="標準" xfId="0" builtinId="0"/>
    <cellStyle name="標準 2" xfId="1" xr:uid="{A887559F-6CC2-4720-A4EB-69A8534D0CA9}"/>
    <cellStyle name="標準 2 2" xfId="2" xr:uid="{F915D8FF-7B19-45E3-AB09-CE9BC2136887}"/>
    <cellStyle name="標準 3" xfId="3" xr:uid="{37275D46-C674-49C0-992C-4F5398869753}"/>
    <cellStyle name="標準 4" xfId="4" xr:uid="{13D1FD1A-AF08-4621-B65F-1A3714DF0153}"/>
    <cellStyle name="標準 4 2" xfId="5" xr:uid="{7C3870A1-5001-4C8F-9243-168AD44D0DE3}"/>
    <cellStyle name="標準 5 2" xfId="6" xr:uid="{A1526E7A-23FC-40D5-8808-BC11CD58515D}"/>
    <cellStyle name="標準 6 2" xfId="7" xr:uid="{2837DEB1-AC1F-4179-8533-EAFC941B750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A8C711-5D5F-401F-AC22-41A8DA687A03}">
  <sheetPr codeName="Sheet7"/>
  <dimension ref="A1:T194"/>
  <sheetViews>
    <sheetView showGridLines="0" tabSelected="1" view="pageBreakPreview" zoomScale="60" zoomScaleNormal="60" workbookViewId="0">
      <selection activeCell="W28" sqref="W28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-690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219593870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-690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219593870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225881504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344592753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249395925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249395925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225881504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19655950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52594025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24240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2478408910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2133823057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51093443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44103385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44103385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2133823057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344585853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344585853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97A275-9D54-460F-BAB1-41AF5ECAD8D4}">
  <sheetPr codeName="Sheet12"/>
  <dimension ref="A1:M192"/>
  <sheetViews>
    <sheetView showGridLines="0" tabSelected="1" view="pageBreakPreview" topLeftCell="A6" zoomScale="50" zoomScaleNormal="60" zoomScaleSheetLayoutView="50" workbookViewId="0">
      <selection activeCell="W28" sqref="W28"/>
    </sheetView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440872567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344098731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68178238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37575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28558023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3242724106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2524348481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207958805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183750204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193230166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5635565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10530921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117269964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2801851539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2860498641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513040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63777502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5CA577-6A57-4E20-91BE-E664CE77664C}">
  <sheetPr codeName="Sheet14"/>
  <dimension ref="A1:N59"/>
  <sheetViews>
    <sheetView showGridLines="0" tabSelected="1" view="pageBreakPreview" topLeftCell="A23" zoomScale="50" zoomScaleNormal="60" zoomScaleSheetLayoutView="50" workbookViewId="0">
      <selection activeCell="W28" sqref="W28"/>
    </sheetView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2197600559</v>
      </c>
      <c r="K12" s="51">
        <v>0</v>
      </c>
      <c r="L12" s="51">
        <v>-2197600559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63777502</v>
      </c>
      <c r="K13" s="51">
        <v>0</v>
      </c>
      <c r="L13" s="51">
        <v>63777502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2133823057</v>
      </c>
      <c r="K14" s="51">
        <v>0</v>
      </c>
      <c r="L14" s="51">
        <v>-2133823057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606D7E-730A-49B9-B221-E05FB84DD387}">
  <sheetPr codeName="Sheet13"/>
  <dimension ref="A1:U194"/>
  <sheetViews>
    <sheetView showGridLines="0" tabSelected="1" view="pageBreakPreview" topLeftCell="A4" zoomScale="50" zoomScaleNormal="60" zoomScaleSheetLayoutView="50" workbookViewId="0">
      <selection activeCell="W28" sqref="W28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69787612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440880517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41200564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28587048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28587048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344106681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68178238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-65559302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37575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28558023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3235819856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2919684161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193230166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5635565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117269964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2794939339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422831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2860498641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2860498641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422831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422831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FA9BBF-CAF9-4080-98B3-69D99C52FE70}">
  <sheetPr codeName="Sheet19"/>
  <dimension ref="B1:O37"/>
  <sheetViews>
    <sheetView showGridLines="0" tabSelected="1" view="pageBreakPreview" zoomScale="60" zoomScaleNormal="55" workbookViewId="0">
      <selection activeCell="W28" sqref="W28"/>
    </sheetView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396521961</v>
      </c>
      <c r="J10" s="76">
        <v>0</v>
      </c>
      <c r="K10" s="76">
        <v>0</v>
      </c>
      <c r="L10" s="76">
        <v>396521961</v>
      </c>
      <c r="M10" s="76">
        <v>147126036</v>
      </c>
      <c r="N10" s="76">
        <v>4511124</v>
      </c>
      <c r="O10" s="76">
        <v>249395925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396521961</v>
      </c>
      <c r="J11" s="76">
        <v>0</v>
      </c>
      <c r="K11" s="76">
        <v>0</v>
      </c>
      <c r="L11" s="76">
        <v>396521961</v>
      </c>
      <c r="M11" s="76">
        <v>147126036</v>
      </c>
      <c r="N11" s="76">
        <v>4511124</v>
      </c>
      <c r="O11" s="76">
        <v>249395925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196559500</v>
      </c>
      <c r="J12" s="76">
        <v>0</v>
      </c>
      <c r="K12" s="76">
        <v>0</v>
      </c>
      <c r="L12" s="76">
        <v>196559500</v>
      </c>
      <c r="M12" s="76">
        <v>0</v>
      </c>
      <c r="N12" s="76">
        <v>0</v>
      </c>
      <c r="O12" s="76">
        <v>19655950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198870096</v>
      </c>
      <c r="J13" s="76">
        <v>0</v>
      </c>
      <c r="K13" s="76">
        <v>0</v>
      </c>
      <c r="L13" s="76">
        <v>198870096</v>
      </c>
      <c r="M13" s="76">
        <v>146276071</v>
      </c>
      <c r="N13" s="76">
        <v>4499856</v>
      </c>
      <c r="O13" s="76">
        <v>52594025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1092365</v>
      </c>
      <c r="J14" s="76">
        <v>0</v>
      </c>
      <c r="K14" s="76">
        <v>0</v>
      </c>
      <c r="L14" s="76">
        <v>1092365</v>
      </c>
      <c r="M14" s="76">
        <v>849965</v>
      </c>
      <c r="N14" s="76">
        <v>11268</v>
      </c>
      <c r="O14" s="76">
        <v>24240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153453161</v>
      </c>
      <c r="J30" s="76">
        <v>46330964</v>
      </c>
      <c r="K30" s="76">
        <v>0</v>
      </c>
      <c r="L30" s="76">
        <v>199784125</v>
      </c>
      <c r="M30" s="76">
        <v>148690682</v>
      </c>
      <c r="N30" s="76">
        <v>6019797</v>
      </c>
      <c r="O30" s="76">
        <v>51093443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0</v>
      </c>
      <c r="J32" s="76">
        <v>0</v>
      </c>
      <c r="K32" s="76">
        <v>0</v>
      </c>
      <c r="L32" s="76">
        <v>0</v>
      </c>
      <c r="M32" s="76">
        <v>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41200564</v>
      </c>
      <c r="K33" s="76">
        <v>41200564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549975122</v>
      </c>
      <c r="J35" s="76">
        <v>87531528</v>
      </c>
      <c r="K35" s="76">
        <v>41200564</v>
      </c>
      <c r="L35" s="76">
        <v>596306086</v>
      </c>
      <c r="M35" s="76">
        <v>295816718</v>
      </c>
      <c r="N35" s="76">
        <v>10530921</v>
      </c>
      <c r="O35" s="76">
        <v>300489368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3C6649-A2BB-44A8-A07D-E33E708C5873}">
  <sheetPr codeName="Sheet23"/>
  <dimension ref="B1:N19"/>
  <sheetViews>
    <sheetView showGridLines="0" tabSelected="1" view="pageBreakPreview" zoomScale="60" zoomScaleNormal="55" workbookViewId="0">
      <selection activeCell="W28" sqref="W28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212899933</v>
      </c>
      <c r="J16" s="80">
        <v>219593870</v>
      </c>
      <c r="K16" s="80">
        <v>201264868</v>
      </c>
      <c r="L16" s="80">
        <f t="shared" si="0"/>
        <v>11635065</v>
      </c>
      <c r="M16" s="80">
        <v>212899933</v>
      </c>
      <c r="N16" s="80">
        <v>219593870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2269135648</v>
      </c>
      <c r="J17" s="80">
        <v>183750204</v>
      </c>
      <c r="K17" s="80">
        <v>194070812</v>
      </c>
      <c r="L17" s="80">
        <f t="shared" si="0"/>
        <v>0</v>
      </c>
      <c r="M17" s="80">
        <v>194070812</v>
      </c>
      <c r="N17" s="80">
        <v>225881504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2482035581</v>
      </c>
      <c r="J19" s="80">
        <v>403344074</v>
      </c>
      <c r="K19" s="80">
        <f>SUM(K10:K18)</f>
        <v>395335680</v>
      </c>
      <c r="L19" s="80">
        <f t="shared" si="0"/>
        <v>11635065</v>
      </c>
      <c r="M19" s="80">
        <v>406970745</v>
      </c>
      <c r="N19" s="80">
        <v>247840891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3F5E15-10D1-4D76-95F0-2B312C451C96}">
  <dimension ref="A1:O75"/>
  <sheetViews>
    <sheetView tabSelected="1" view="pageBreakPreview" zoomScale="60" zoomScaleNormal="100" workbookViewId="0">
      <selection activeCell="W28" sqref="W28"/>
    </sheetView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15" s="1" customFormat="1" ht="22.5" customHeight="1" x14ac:dyDescent="0.4">
      <c r="B1" s="112" t="s">
        <v>226</v>
      </c>
    </row>
    <row r="2" spans="1:15" s="1" customFormat="1" ht="22.5" customHeight="1" x14ac:dyDescent="0.4">
      <c r="B2" s="112" t="s">
        <v>227</v>
      </c>
    </row>
    <row r="3" spans="1:15" s="1" customFormat="1" ht="22.5" customHeight="1" x14ac:dyDescent="0.4">
      <c r="B3" s="112" t="s">
        <v>228</v>
      </c>
    </row>
    <row r="4" spans="1:15" ht="122.25" customHeight="1" x14ac:dyDescent="0.4">
      <c r="A4" s="172" t="s">
        <v>229</v>
      </c>
      <c r="B4" s="172"/>
      <c r="C4" s="172"/>
      <c r="D4" s="172"/>
    </row>
    <row r="5" spans="1:15" s="115" customFormat="1" ht="36" customHeight="1" x14ac:dyDescent="0.4">
      <c r="A5" s="114"/>
    </row>
    <row r="6" spans="1:15" s="115" customFormat="1" ht="36" customHeight="1" x14ac:dyDescent="0.4">
      <c r="A6" s="114"/>
      <c r="B6" s="115" t="s">
        <v>230</v>
      </c>
      <c r="O6" s="115" t="s">
        <v>231</v>
      </c>
    </row>
    <row r="7" spans="1:15" s="115" customFormat="1" ht="36" customHeight="1" x14ac:dyDescent="0.4">
      <c r="A7" s="114"/>
      <c r="B7" s="116"/>
      <c r="C7" s="171"/>
      <c r="D7" s="171"/>
    </row>
    <row r="8" spans="1:15" s="115" customFormat="1" ht="36" customHeight="1" x14ac:dyDescent="0.4">
      <c r="A8" s="114"/>
      <c r="B8" s="116"/>
      <c r="C8" s="171"/>
      <c r="D8" s="171"/>
    </row>
    <row r="9" spans="1:15" s="115" customFormat="1" ht="36" customHeight="1" x14ac:dyDescent="0.4">
      <c r="A9" s="114"/>
      <c r="B9" s="117"/>
      <c r="C9" s="171"/>
      <c r="D9" s="171"/>
    </row>
    <row r="10" spans="1:15" s="115" customFormat="1" ht="36" customHeight="1" x14ac:dyDescent="0.4">
      <c r="A10" s="114"/>
      <c r="B10" s="116"/>
      <c r="C10" s="171"/>
      <c r="D10" s="171"/>
    </row>
    <row r="11" spans="1:15" s="115" customFormat="1" ht="36" customHeight="1" x14ac:dyDescent="0.4">
      <c r="A11" s="114"/>
      <c r="B11" s="116"/>
      <c r="C11" s="173"/>
      <c r="D11" s="173"/>
    </row>
    <row r="12" spans="1:15" s="115" customFormat="1" ht="36" customHeight="1" x14ac:dyDescent="0.4">
      <c r="A12" s="114"/>
      <c r="B12" s="116"/>
      <c r="C12" s="171"/>
      <c r="D12" s="171"/>
    </row>
    <row r="13" spans="1:15" s="115" customFormat="1" ht="36" customHeight="1" x14ac:dyDescent="0.4">
      <c r="A13" s="114"/>
      <c r="B13" s="118"/>
      <c r="C13" s="118"/>
    </row>
    <row r="14" spans="1:15" s="115" customFormat="1" ht="36" customHeight="1" x14ac:dyDescent="0.4">
      <c r="A14" s="114"/>
    </row>
    <row r="15" spans="1:15" s="115" customFormat="1" ht="36" customHeight="1" x14ac:dyDescent="0.4">
      <c r="A15" s="114"/>
    </row>
    <row r="16" spans="1:15" s="115" customFormat="1" ht="36" customHeight="1" x14ac:dyDescent="0.4">
      <c r="A16" s="114"/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  <colBreaks count="1" manualBreakCount="1">
    <brk id="4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21DD28-407A-4E7F-8723-A999AE0E3D96}">
  <dimension ref="A1:IV11"/>
  <sheetViews>
    <sheetView tabSelected="1" view="pageBreakPreview" zoomScale="60" zoomScaleNormal="100" workbookViewId="0">
      <selection activeCell="W28" sqref="W28"/>
    </sheetView>
  </sheetViews>
  <sheetFormatPr defaultColWidth="8.875" defaultRowHeight="18.75" x14ac:dyDescent="0.4"/>
  <cols>
    <col min="1" max="1" width="2.625" style="67" customWidth="1"/>
    <col min="2" max="7" width="3.5" style="67" customWidth="1"/>
    <col min="8" max="8" width="15.625" style="67" customWidth="1"/>
    <col min="9" max="14" width="31.125" style="67" customWidth="1"/>
    <col min="15" max="15" width="2.625" style="67" customWidth="1"/>
    <col min="16" max="18" width="25.625" style="67" customWidth="1"/>
    <col min="19" max="16384" width="8.875" style="67"/>
  </cols>
  <sheetData>
    <row r="1" spans="1:256" x14ac:dyDescent="0.4">
      <c r="B1" s="2" t="s">
        <v>226</v>
      </c>
    </row>
    <row r="2" spans="1:256" x14ac:dyDescent="0.4">
      <c r="B2" s="2" t="s">
        <v>227</v>
      </c>
    </row>
    <row r="3" spans="1:256" x14ac:dyDescent="0.4">
      <c r="B3" s="2" t="s">
        <v>232</v>
      </c>
    </row>
    <row r="4" spans="1:256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  <c r="IU4" s="68"/>
      <c r="IV4" s="68"/>
    </row>
    <row r="5" spans="1:256" x14ac:dyDescent="0.4">
      <c r="A5" s="141" t="s">
        <v>233</v>
      </c>
      <c r="B5" s="141"/>
      <c r="C5" s="141"/>
      <c r="D5" s="141"/>
      <c r="E5" s="141"/>
      <c r="F5" s="141"/>
      <c r="G5" s="141"/>
      <c r="H5" s="141"/>
      <c r="I5" s="141"/>
      <c r="J5" s="141"/>
      <c r="K5" s="141"/>
      <c r="L5" s="141"/>
      <c r="M5" s="141"/>
      <c r="N5" s="141"/>
      <c r="O5" s="68"/>
      <c r="P5" s="68"/>
      <c r="Q5" s="68"/>
      <c r="R5" s="68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  <c r="IU5" s="68"/>
      <c r="IV5" s="68"/>
    </row>
    <row r="6" spans="1:256" x14ac:dyDescent="0.4">
      <c r="A6" s="141"/>
      <c r="B6" s="141"/>
      <c r="C6" s="141"/>
      <c r="D6" s="141"/>
      <c r="E6" s="141"/>
      <c r="F6" s="141"/>
      <c r="G6" s="141"/>
      <c r="H6" s="141"/>
      <c r="I6" s="141"/>
      <c r="J6" s="141"/>
      <c r="K6" s="141"/>
      <c r="L6" s="141"/>
      <c r="M6" s="141"/>
      <c r="N6" s="141"/>
      <c r="O6" s="68"/>
      <c r="P6" s="68"/>
      <c r="Q6" s="68"/>
      <c r="R6" s="68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  <c r="IU6" s="68"/>
      <c r="IV6" s="68"/>
    </row>
    <row r="7" spans="1:256" x14ac:dyDescent="0.4">
      <c r="M7" s="78"/>
      <c r="N7" s="78" t="s">
        <v>234</v>
      </c>
    </row>
    <row r="8" spans="1:256" x14ac:dyDescent="0.4">
      <c r="B8" s="158" t="s">
        <v>235</v>
      </c>
      <c r="C8" s="159"/>
      <c r="D8" s="159"/>
      <c r="E8" s="159"/>
      <c r="F8" s="159"/>
      <c r="G8" s="159"/>
      <c r="H8" s="160"/>
      <c r="I8" s="169" t="s">
        <v>236</v>
      </c>
      <c r="J8" s="164" t="s">
        <v>237</v>
      </c>
      <c r="K8" s="164" t="s">
        <v>238</v>
      </c>
      <c r="L8" s="164" t="s">
        <v>53</v>
      </c>
      <c r="M8" s="164" t="s">
        <v>239</v>
      </c>
      <c r="N8" s="164" t="s">
        <v>64</v>
      </c>
    </row>
    <row r="9" spans="1:256" x14ac:dyDescent="0.4">
      <c r="B9" s="161"/>
      <c r="C9" s="162"/>
      <c r="D9" s="162"/>
      <c r="E9" s="162"/>
      <c r="F9" s="162"/>
      <c r="G9" s="162"/>
      <c r="H9" s="163"/>
      <c r="I9" s="170"/>
      <c r="J9" s="165"/>
      <c r="K9" s="165"/>
      <c r="L9" s="165"/>
      <c r="M9" s="165"/>
      <c r="N9" s="165"/>
    </row>
    <row r="10" spans="1:256" x14ac:dyDescent="0.4">
      <c r="B10" s="174" t="s">
        <v>240</v>
      </c>
      <c r="C10" s="175"/>
      <c r="D10" s="175"/>
      <c r="E10" s="175"/>
      <c r="F10" s="175"/>
      <c r="G10" s="175"/>
      <c r="H10" s="176"/>
      <c r="I10" s="80">
        <v>44103385</v>
      </c>
      <c r="J10" s="80">
        <v>0</v>
      </c>
      <c r="K10" s="80">
        <v>0</v>
      </c>
      <c r="L10" s="80">
        <v>0</v>
      </c>
      <c r="M10" s="80">
        <v>0</v>
      </c>
      <c r="N10" s="80">
        <f>SUM(I10:M10)</f>
        <v>44103385</v>
      </c>
    </row>
    <row r="11" spans="1:256" x14ac:dyDescent="0.4">
      <c r="B11" s="166" t="s">
        <v>241</v>
      </c>
      <c r="C11" s="167"/>
      <c r="D11" s="167"/>
      <c r="E11" s="167"/>
      <c r="F11" s="167"/>
      <c r="G11" s="167"/>
      <c r="H11" s="168"/>
      <c r="I11" s="80">
        <f t="shared" ref="I11:N11" si="0">SUM(I10:I10)</f>
        <v>44103385</v>
      </c>
      <c r="J11" s="80">
        <f t="shared" si="0"/>
        <v>0</v>
      </c>
      <c r="K11" s="80">
        <f t="shared" si="0"/>
        <v>0</v>
      </c>
      <c r="L11" s="80">
        <f t="shared" si="0"/>
        <v>0</v>
      </c>
      <c r="M11" s="80">
        <f t="shared" si="0"/>
        <v>0</v>
      </c>
      <c r="N11" s="80">
        <f t="shared" si="0"/>
        <v>44103385</v>
      </c>
    </row>
  </sheetData>
  <mergeCells count="10">
    <mergeCell ref="B10:H10"/>
    <mergeCell ref="B11:H11"/>
    <mergeCell ref="A5:N6"/>
    <mergeCell ref="B8:H9"/>
    <mergeCell ref="I8:I9"/>
    <mergeCell ref="J8:J9"/>
    <mergeCell ref="K8:K9"/>
    <mergeCell ref="L8:L9"/>
    <mergeCell ref="M8:M9"/>
    <mergeCell ref="N8:N9"/>
  </mergeCells>
  <phoneticPr fontId="7"/>
  <pageMargins left="0.7" right="0.7" top="0.75" bottom="0.75" header="0.3" footer="0.3"/>
  <pageSetup paperSize="9" scale="3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基金明細</vt:lpstr>
      <vt:lpstr>キャッシュフロー計算書!Print_Area</vt:lpstr>
      <vt:lpstr>引当金明細表!Print_Area</vt:lpstr>
      <vt:lpstr>基金明細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2:50:44Z</dcterms:created>
  <dcterms:modified xsi:type="dcterms:W3CDTF">2025-10-15T02:51:27Z</dcterms:modified>
</cp:coreProperties>
</file>